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328"/>
  <workbookPr defaultThemeVersion="202300"/>
  <mc:AlternateContent xmlns:mc="http://schemas.openxmlformats.org/markup-compatibility/2006">
    <mc:Choice Requires="x15">
      <x15ac:absPath xmlns:x15ac="http://schemas.microsoft.com/office/spreadsheetml/2010/11/ac" url="E:\Documents\s5103\My Documents\トライアル\TRIAL_SMART_グロサリー\"/>
    </mc:Choice>
  </mc:AlternateContent>
  <xr:revisionPtr revIDLastSave="0" documentId="13_ncr:1_{F197B478-1FC6-4605-974A-F76D0F6E50E3}" xr6:coauthVersionLast="47" xr6:coauthVersionMax="47" xr10:uidLastSave="{00000000-0000-0000-0000-000000000000}"/>
  <bookViews>
    <workbookView xWindow="-108" yWindow="-108" windowWidth="23256" windowHeight="13896" xr2:uid="{0BAE6D54-6E2B-4791-9B3A-98465459BEF1}"/>
  </bookViews>
  <sheets>
    <sheet name="元データ" sheetId="20" r:id="rId1"/>
  </sheets>
  <definedNames>
    <definedName name="_xlnm._FilterDatabase" localSheetId="0" hidden="1">元データ!$A$1:$Q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853117" uniqueCount="1191">
  <si>
    <t>タイプ分類</t>
  </si>
  <si>
    <t>ディビジョン</t>
  </si>
  <si>
    <t>ライン</t>
  </si>
  <si>
    <t>部門</t>
  </si>
  <si>
    <t>カテゴリー</t>
  </si>
  <si>
    <t>サブカテゴリー</t>
  </si>
  <si>
    <t>セグメント</t>
  </si>
  <si>
    <t>サブセグメント</t>
  </si>
  <si>
    <t>顧客種類</t>
  </si>
  <si>
    <t>年代</t>
  </si>
  <si>
    <t>POS客数(全体)</t>
  </si>
  <si>
    <t>ID客数(全体)</t>
  </si>
  <si>
    <t>0021-SMART</t>
  </si>
  <si>
    <t>グロサリー</t>
  </si>
  <si>
    <t>ごはん・おかゆ・餅</t>
  </si>
  <si>
    <t>おかゆ・雑炊</t>
  </si>
  <si>
    <t>おかゆ</t>
  </si>
  <si>
    <t>その他かゆ</t>
  </si>
  <si>
    <t>会員</t>
  </si>
  <si>
    <t>20代</t>
  </si>
  <si>
    <t>1km未満</t>
  </si>
  <si>
    <t>1~3km未満</t>
  </si>
  <si>
    <t>3~5km未満</t>
  </si>
  <si>
    <t>5~10km未満</t>
  </si>
  <si>
    <t>30代</t>
  </si>
  <si>
    <t>40代</t>
  </si>
  <si>
    <t>50代</t>
  </si>
  <si>
    <t>60代</t>
  </si>
  <si>
    <t>70代</t>
  </si>
  <si>
    <t>80代以上</t>
  </si>
  <si>
    <t>白がゆ</t>
  </si>
  <si>
    <t>雑炊</t>
  </si>
  <si>
    <t>設定なし</t>
  </si>
  <si>
    <t>その他</t>
  </si>
  <si>
    <t>パックごはん</t>
  </si>
  <si>
    <t>健康・雑穀</t>
  </si>
  <si>
    <t>1食</t>
  </si>
  <si>
    <t>3食以上</t>
  </si>
  <si>
    <t>白米10食以上</t>
  </si>
  <si>
    <t>小盛(～150g)</t>
  </si>
  <si>
    <t>普通盛(151g～200g)</t>
  </si>
  <si>
    <t>白米1～2食</t>
  </si>
  <si>
    <t>大盛(201g以上)</t>
  </si>
  <si>
    <t>産地・ブランド表記米</t>
  </si>
  <si>
    <t>白米3食</t>
  </si>
  <si>
    <t>白米4～9食</t>
  </si>
  <si>
    <t>赤飯・釜飯</t>
  </si>
  <si>
    <t>餅</t>
  </si>
  <si>
    <t>その他もち</t>
  </si>
  <si>
    <t>いなり、甘味他</t>
  </si>
  <si>
    <t>料理もち</t>
  </si>
  <si>
    <t>白もち</t>
  </si>
  <si>
    <t>1001g以上</t>
  </si>
  <si>
    <t>401g～1000g</t>
  </si>
  <si>
    <t>～400g</t>
  </si>
  <si>
    <t>お茶漬</t>
  </si>
  <si>
    <t>アソート</t>
  </si>
  <si>
    <t>ピロー</t>
  </si>
  <si>
    <t>キャラクター</t>
  </si>
  <si>
    <t>大容量</t>
  </si>
  <si>
    <t>提案型</t>
  </si>
  <si>
    <t>分包</t>
  </si>
  <si>
    <t>ふりかけ</t>
  </si>
  <si>
    <t>ふりかけ大袋</t>
  </si>
  <si>
    <t>中価格帯１０９~１７７円</t>
  </si>
  <si>
    <t>低価格帯８１~１０８円</t>
  </si>
  <si>
    <t>高価格帯１７８円~</t>
  </si>
  <si>
    <t>ふりかけ小袋</t>
  </si>
  <si>
    <t>価格訴求~８０円</t>
  </si>
  <si>
    <t>ソフトふりかけ</t>
  </si>
  <si>
    <t>ミニパックキャラクター</t>
  </si>
  <si>
    <t>ミニパックレギュラー</t>
  </si>
  <si>
    <t>大袋分包</t>
  </si>
  <si>
    <t>混ぜ込み</t>
  </si>
  <si>
    <t>瓶・容器</t>
  </si>
  <si>
    <t>グロサリーギフト</t>
  </si>
  <si>
    <t>バラエティ</t>
  </si>
  <si>
    <t>乾物</t>
  </si>
  <si>
    <t>海苔</t>
  </si>
  <si>
    <t>瓶佃煮</t>
  </si>
  <si>
    <t>乾麺</t>
  </si>
  <si>
    <t>嗜好品</t>
  </si>
  <si>
    <t>インスタントコーヒー</t>
  </si>
  <si>
    <t>レギュラーコーヒー</t>
  </si>
  <si>
    <t>缶詰・瓶</t>
  </si>
  <si>
    <t>缶詰</t>
  </si>
  <si>
    <t>調味料</t>
  </si>
  <si>
    <t>油</t>
  </si>
  <si>
    <t>日清オイリオ</t>
  </si>
  <si>
    <t>飲料</t>
  </si>
  <si>
    <t>カルピス</t>
  </si>
  <si>
    <t>コーヒー</t>
  </si>
  <si>
    <t>果汁</t>
  </si>
  <si>
    <t>麺類</t>
  </si>
  <si>
    <t>うどん</t>
  </si>
  <si>
    <t>そうめん</t>
  </si>
  <si>
    <t>そば</t>
  </si>
  <si>
    <t>ラーメン</t>
  </si>
  <si>
    <t>スープ・春雨</t>
  </si>
  <si>
    <t>ストック・FD</t>
  </si>
  <si>
    <t>アジア風_スープ</t>
  </si>
  <si>
    <t>多食（2～5食)</t>
  </si>
  <si>
    <t>洋風_スープ</t>
  </si>
  <si>
    <t>個食</t>
  </si>
  <si>
    <t>大容量(6食以上)</t>
  </si>
  <si>
    <t>ストック・レトルト</t>
  </si>
  <si>
    <t>ストック・箱袋</t>
  </si>
  <si>
    <t>アジア風_春雨</t>
  </si>
  <si>
    <t>ストック・要調理</t>
  </si>
  <si>
    <t>簡便・カップ</t>
  </si>
  <si>
    <t>洋風_パスタ</t>
  </si>
  <si>
    <t>洋風_パン</t>
  </si>
  <si>
    <t>即席みそ汁</t>
  </si>
  <si>
    <t>まとめ買い</t>
  </si>
  <si>
    <t>大容量(20食以上）</t>
  </si>
  <si>
    <t>減塩</t>
  </si>
  <si>
    <t>生みそタイプ</t>
  </si>
  <si>
    <t>ＦＤ</t>
  </si>
  <si>
    <t>スタンダードー中容量（5食以上）</t>
  </si>
  <si>
    <t>スタンダードー具練りこみー中容量（19食以下）</t>
  </si>
  <si>
    <t>スタンダードー具練りこみー大容量（20食以上）</t>
  </si>
  <si>
    <t>スタンダードー小容量（4食以下）</t>
  </si>
  <si>
    <t>プレミアムー小容量（4食以下）</t>
  </si>
  <si>
    <t>減塩ー中容量（5食以上）</t>
  </si>
  <si>
    <t>減塩ー小容量（4食以下）</t>
  </si>
  <si>
    <t>レギュラーー中容量（5食以上）</t>
  </si>
  <si>
    <t>レギュラーー小容量（4食以下）</t>
  </si>
  <si>
    <t>みそ汁以外</t>
  </si>
  <si>
    <t>お吸い物</t>
  </si>
  <si>
    <t>まつたけ</t>
  </si>
  <si>
    <t>まつたけ以外</t>
  </si>
  <si>
    <t>バラ売り</t>
  </si>
  <si>
    <t>カップ</t>
  </si>
  <si>
    <t>スタンダード</t>
  </si>
  <si>
    <t>プレミアム</t>
  </si>
  <si>
    <t>吊下げ</t>
  </si>
  <si>
    <t>和洋即席</t>
  </si>
  <si>
    <t>カップごはん</t>
  </si>
  <si>
    <t>オートミール</t>
  </si>
  <si>
    <t>カレーメシシリーズ</t>
  </si>
  <si>
    <t>レギュラー</t>
  </si>
  <si>
    <t>完全メシシリーズ</t>
  </si>
  <si>
    <t>雑炊・クッパ</t>
  </si>
  <si>
    <t>セット米飯</t>
  </si>
  <si>
    <t>レトルト</t>
  </si>
  <si>
    <t>エスニック</t>
  </si>
  <si>
    <t>丼ぶり</t>
  </si>
  <si>
    <t>ツナ缶詰</t>
  </si>
  <si>
    <t>ツナパウチ</t>
  </si>
  <si>
    <t>その他ツナ</t>
  </si>
  <si>
    <t>水煮</t>
  </si>
  <si>
    <t>油漬</t>
  </si>
  <si>
    <t>ツナ缶</t>
  </si>
  <si>
    <t>水産おかず缶詰</t>
  </si>
  <si>
    <t>いか</t>
  </si>
  <si>
    <t>味付</t>
  </si>
  <si>
    <t>いわし</t>
  </si>
  <si>
    <t>その他いわし</t>
  </si>
  <si>
    <t>みそ煮</t>
  </si>
  <si>
    <t>蒲焼</t>
  </si>
  <si>
    <t>さば</t>
  </si>
  <si>
    <t>その他さば</t>
  </si>
  <si>
    <t>さんま</t>
  </si>
  <si>
    <t>その他さんま</t>
  </si>
  <si>
    <t>その他水産おかず</t>
  </si>
  <si>
    <t>その他味付け</t>
  </si>
  <si>
    <t>まぐろ・かつおナ味付</t>
  </si>
  <si>
    <t>貝</t>
  </si>
  <si>
    <t>水産素材缶詰</t>
  </si>
  <si>
    <t>あさり</t>
  </si>
  <si>
    <t>さけ</t>
  </si>
  <si>
    <t>中骨</t>
  </si>
  <si>
    <t>その他水産素材</t>
  </si>
  <si>
    <t>アンチョビ</t>
  </si>
  <si>
    <t>オイルサーディン</t>
  </si>
  <si>
    <t>ほたて</t>
  </si>
  <si>
    <t>カニ</t>
  </si>
  <si>
    <t>瓶詰（そのまま食べる）</t>
  </si>
  <si>
    <t>withごはん</t>
  </si>
  <si>
    <t>なめ茸</t>
  </si>
  <si>
    <t>みそ</t>
  </si>
  <si>
    <t>鮭・フレーク</t>
  </si>
  <si>
    <t>つまみ・付合せ</t>
  </si>
  <si>
    <t>中華</t>
  </si>
  <si>
    <t>塩辛</t>
  </si>
  <si>
    <t>漬物</t>
  </si>
  <si>
    <t>瓶詰（料理素材）</t>
  </si>
  <si>
    <t>サラダ</t>
  </si>
  <si>
    <t>オリーブ</t>
  </si>
  <si>
    <t>ピクルス</t>
  </si>
  <si>
    <t>栗</t>
  </si>
  <si>
    <t>甘露煮</t>
  </si>
  <si>
    <t>薬味</t>
  </si>
  <si>
    <t>しょうが</t>
  </si>
  <si>
    <t>にんにく</t>
  </si>
  <si>
    <t>食べるラー油</t>
  </si>
  <si>
    <t>辛さ抑え</t>
  </si>
  <si>
    <t>辛口</t>
  </si>
  <si>
    <t>畜産おかず缶詰</t>
  </si>
  <si>
    <t>その他畜産おかず</t>
  </si>
  <si>
    <t>やきとり</t>
  </si>
  <si>
    <t>その他やきとり</t>
  </si>
  <si>
    <t>たれ</t>
  </si>
  <si>
    <t>塩</t>
  </si>
  <si>
    <t>カレー</t>
  </si>
  <si>
    <t>畜産素材缶</t>
  </si>
  <si>
    <t>うずら卵</t>
  </si>
  <si>
    <t>その他畜産素材缶</t>
  </si>
  <si>
    <t>鶏ささみ　他</t>
  </si>
  <si>
    <t>コンビーフ</t>
  </si>
  <si>
    <t>ランチョンミート</t>
  </si>
  <si>
    <t>農産素材缶詰</t>
  </si>
  <si>
    <t>その他農産素材</t>
  </si>
  <si>
    <t>ぎんなん</t>
  </si>
  <si>
    <t>その他農産素材缶</t>
  </si>
  <si>
    <t>ひじき</t>
  </si>
  <si>
    <t>アスパラガス</t>
  </si>
  <si>
    <t>ヤングコーン</t>
  </si>
  <si>
    <t>コーン</t>
  </si>
  <si>
    <t>クリーム</t>
  </si>
  <si>
    <t>ホールカーネル</t>
  </si>
  <si>
    <t>マッシュルーム</t>
  </si>
  <si>
    <t>スライス</t>
  </si>
  <si>
    <t>ホール</t>
  </si>
  <si>
    <t>豆類</t>
  </si>
  <si>
    <t>その他豆類</t>
  </si>
  <si>
    <t>グリンピース</t>
  </si>
  <si>
    <t>ミックスビーンズ</t>
  </si>
  <si>
    <t>大豆</t>
  </si>
  <si>
    <t>鏡もち</t>
  </si>
  <si>
    <t>丸餅</t>
  </si>
  <si>
    <t>鏡餅中</t>
  </si>
  <si>
    <t>鏡餅大</t>
  </si>
  <si>
    <t>鏡餅小</t>
  </si>
  <si>
    <t>鏡餅極小</t>
  </si>
  <si>
    <t>充填</t>
  </si>
  <si>
    <t>三段重</t>
  </si>
  <si>
    <t>橙付き</t>
  </si>
  <si>
    <t>飾りつき</t>
  </si>
  <si>
    <t>切り餅</t>
  </si>
  <si>
    <t>スタンダード容器</t>
  </si>
  <si>
    <t>中容量(501ml～1000ml)</t>
  </si>
  <si>
    <t>うすくち</t>
  </si>
  <si>
    <t>こいくち</t>
  </si>
  <si>
    <t>さしみ</t>
  </si>
  <si>
    <t>だしいり</t>
  </si>
  <si>
    <t>丸大豆</t>
  </si>
  <si>
    <t>卓上容量（～300ml）</t>
  </si>
  <si>
    <t>大容量(1001ml～)</t>
  </si>
  <si>
    <t>小容量(301ml～500ml)</t>
  </si>
  <si>
    <t>密封容器</t>
  </si>
  <si>
    <t>メニュー限定</t>
  </si>
  <si>
    <t>しゃぶしゃぶ</t>
  </si>
  <si>
    <t>ごま</t>
  </si>
  <si>
    <t>ぽんず</t>
  </si>
  <si>
    <t>すき焼のたれ</t>
  </si>
  <si>
    <t>松</t>
  </si>
  <si>
    <t>梅</t>
  </si>
  <si>
    <t>竹</t>
  </si>
  <si>
    <t>ステーキ用</t>
  </si>
  <si>
    <t>おろしベース</t>
  </si>
  <si>
    <t>しょうゆベース</t>
  </si>
  <si>
    <t>専用だれ</t>
  </si>
  <si>
    <t>その他専用だれ</t>
  </si>
  <si>
    <t>丼の素</t>
  </si>
  <si>
    <t>焼鳥</t>
  </si>
  <si>
    <t>照焼き</t>
  </si>
  <si>
    <t>生姜焼</t>
  </si>
  <si>
    <t>焼肉</t>
  </si>
  <si>
    <t>おろし</t>
  </si>
  <si>
    <t>塩・味噌・ジンギスカン</t>
  </si>
  <si>
    <t>甘口・中辛・辛口(松)</t>
  </si>
  <si>
    <t>中（301-400g)</t>
  </si>
  <si>
    <t>大（401g以上）</t>
  </si>
  <si>
    <t>小（1-300g）</t>
  </si>
  <si>
    <t>甘口・中辛・辛口(梅)</t>
  </si>
  <si>
    <t>甘口・中辛・辛口(竹)</t>
  </si>
  <si>
    <t>関連品</t>
  </si>
  <si>
    <t>コチュジャン</t>
  </si>
  <si>
    <t>レモン</t>
  </si>
  <si>
    <t>つゆ</t>
  </si>
  <si>
    <t>めんつゆ</t>
  </si>
  <si>
    <t>そうめんつゆ</t>
  </si>
  <si>
    <t>中容量（301ml～600ml）</t>
  </si>
  <si>
    <t>小容量（～300ml）</t>
  </si>
  <si>
    <t>そばつゆ</t>
  </si>
  <si>
    <t>大容量（601ml～）</t>
  </si>
  <si>
    <t>個食用つゆ</t>
  </si>
  <si>
    <t>名店</t>
  </si>
  <si>
    <t>汎用つゆ</t>
  </si>
  <si>
    <t>大容量（601ml～1000ｍｌ）</t>
  </si>
  <si>
    <t>特大容量（1001ml～）</t>
  </si>
  <si>
    <t>白だし</t>
  </si>
  <si>
    <t>鍋つゆ</t>
  </si>
  <si>
    <t>2人前以上</t>
  </si>
  <si>
    <t>だし入り</t>
  </si>
  <si>
    <t>中容量（401-600g）</t>
  </si>
  <si>
    <t>大容量（601-850g）</t>
  </si>
  <si>
    <t>小容量（-400g）</t>
  </si>
  <si>
    <t>特大容量（851g-）</t>
  </si>
  <si>
    <t>みそ関連品</t>
  </si>
  <si>
    <t>こうじ</t>
  </si>
  <si>
    <t>もろみ</t>
  </si>
  <si>
    <t>酢みそ</t>
  </si>
  <si>
    <t>味噌汁用具材</t>
  </si>
  <si>
    <t>液みそ</t>
  </si>
  <si>
    <t>無添加</t>
  </si>
  <si>
    <t>白みそ</t>
  </si>
  <si>
    <t>赤だし</t>
  </si>
  <si>
    <t>通常品</t>
  </si>
  <si>
    <t>麦みそ</t>
  </si>
  <si>
    <t>みりん</t>
  </si>
  <si>
    <t>みりんタイプ</t>
  </si>
  <si>
    <t>みりん風</t>
  </si>
  <si>
    <t>大容量（601ml～1000ml）</t>
  </si>
  <si>
    <t>料理酒（醸造調味料）</t>
  </si>
  <si>
    <t>料理酒</t>
  </si>
  <si>
    <t>ポン酢</t>
  </si>
  <si>
    <t>中容量（201ml～600ml）</t>
  </si>
  <si>
    <t>味ぽん</t>
  </si>
  <si>
    <t>小容量（～200ml）</t>
  </si>
  <si>
    <t>具材フレーバー</t>
  </si>
  <si>
    <t>たまねぎ</t>
  </si>
  <si>
    <t>濃厚果汁</t>
  </si>
  <si>
    <t>すだち</t>
  </si>
  <si>
    <t>ゆず</t>
  </si>
  <si>
    <t>うま味調味料</t>
  </si>
  <si>
    <t>中容量（70g-199g）</t>
  </si>
  <si>
    <t>ノンブランド</t>
  </si>
  <si>
    <t>ブランド</t>
  </si>
  <si>
    <t>大容量（200g-）</t>
  </si>
  <si>
    <t>ローカルブランド</t>
  </si>
  <si>
    <t>小容量（-69g）</t>
  </si>
  <si>
    <t>その他塩関連</t>
  </si>
  <si>
    <t>にがり</t>
  </si>
  <si>
    <t>中容量（100ml～299ml）</t>
  </si>
  <si>
    <t>ボトル・瓶</t>
  </si>
  <si>
    <t>小容量（～99ml）</t>
  </si>
  <si>
    <t>こだわり</t>
  </si>
  <si>
    <t>プレミアムソルト</t>
  </si>
  <si>
    <t>中容量（300g～999g）</t>
  </si>
  <si>
    <t>小容量（299g以下）</t>
  </si>
  <si>
    <t>岩塩</t>
  </si>
  <si>
    <t>用途・風味塩</t>
  </si>
  <si>
    <t>キッチンソルト</t>
  </si>
  <si>
    <t>スタンディングパック</t>
  </si>
  <si>
    <t>中容量にがり塩（501g～1999g）</t>
  </si>
  <si>
    <t>テーブルソルト</t>
  </si>
  <si>
    <t>塩関連</t>
  </si>
  <si>
    <t>料理用</t>
  </si>
  <si>
    <t>大容量（1000ｇ以上）</t>
  </si>
  <si>
    <t>食卓用</t>
  </si>
  <si>
    <t>ぬか漬け・麹漬け</t>
  </si>
  <si>
    <t>ぬか</t>
  </si>
  <si>
    <t>中容量（５０１ｇ～１０００ｇ）</t>
  </si>
  <si>
    <t>小容量（５００ｇ以下）</t>
  </si>
  <si>
    <t>ぬか床</t>
  </si>
  <si>
    <t>ぬか床の素</t>
  </si>
  <si>
    <t>麹漬け</t>
  </si>
  <si>
    <t>キムチ漬け</t>
  </si>
  <si>
    <t>中容量（５回分～９回分）</t>
  </si>
  <si>
    <t>小容量（５回分未満）</t>
  </si>
  <si>
    <t>浅漬け</t>
  </si>
  <si>
    <t>関連商品</t>
  </si>
  <si>
    <t>塩こうじ</t>
  </si>
  <si>
    <t>米こうじ</t>
  </si>
  <si>
    <t>こんぶ</t>
  </si>
  <si>
    <t>唐辛子</t>
  </si>
  <si>
    <t>本漬け専用調味料</t>
  </si>
  <si>
    <t>添加物</t>
  </si>
  <si>
    <t>砂糖</t>
  </si>
  <si>
    <t>ベーシック</t>
  </si>
  <si>
    <t>中容量(501～700g)</t>
  </si>
  <si>
    <t>三温糖</t>
  </si>
  <si>
    <t>白砂糖</t>
  </si>
  <si>
    <t>大容量(701g以上)</t>
  </si>
  <si>
    <t>グラニュー糖</t>
  </si>
  <si>
    <t>中双糖</t>
  </si>
  <si>
    <t>小容量(500ｇ以下)</t>
  </si>
  <si>
    <t>健康・機能性</t>
  </si>
  <si>
    <t>オリゴ糖</t>
  </si>
  <si>
    <t>付加価値</t>
  </si>
  <si>
    <t>成分付与</t>
  </si>
  <si>
    <t>ブラウンシュガー</t>
  </si>
  <si>
    <t>きび糖</t>
  </si>
  <si>
    <t>てんさい糖</t>
  </si>
  <si>
    <t>低カロリー甘味料</t>
  </si>
  <si>
    <t>使い切り</t>
  </si>
  <si>
    <t>液体</t>
  </si>
  <si>
    <t>粉末</t>
  </si>
  <si>
    <t>高付加価値・高機能</t>
  </si>
  <si>
    <t>高付加価値・高機能その他</t>
  </si>
  <si>
    <t>黒砂糖</t>
  </si>
  <si>
    <t>固形</t>
  </si>
  <si>
    <t>純黒糖</t>
  </si>
  <si>
    <t>季節・特定用途</t>
  </si>
  <si>
    <t>お菓子用</t>
  </si>
  <si>
    <t>その他メニュー</t>
  </si>
  <si>
    <t>氷砂糖</t>
  </si>
  <si>
    <t>大容量(1kg以下)</t>
  </si>
  <si>
    <t>酢</t>
  </si>
  <si>
    <t>料理用酢</t>
  </si>
  <si>
    <t>中容量（151ml～500ml）</t>
  </si>
  <si>
    <t>ビネガー</t>
  </si>
  <si>
    <t>生酢</t>
  </si>
  <si>
    <t>大容量（501ml～1000ml）</t>
  </si>
  <si>
    <t>小容量（～150ml）</t>
  </si>
  <si>
    <t>料理用酢（簡便）</t>
  </si>
  <si>
    <t>すし</t>
  </si>
  <si>
    <t>汎用</t>
  </si>
  <si>
    <t>飲用酢</t>
  </si>
  <si>
    <t>健康系タイプ飲料</t>
  </si>
  <si>
    <t>ストレート</t>
  </si>
  <si>
    <t>希釈</t>
  </si>
  <si>
    <t>果実タイプ飲料</t>
  </si>
  <si>
    <t>飲用生酢</t>
  </si>
  <si>
    <t>りんご酢</t>
  </si>
  <si>
    <t>黒酢</t>
  </si>
  <si>
    <t>ﾚﾓﾝ果汁</t>
  </si>
  <si>
    <t>中容量（201ml～500ml）</t>
  </si>
  <si>
    <t>大容量（501ml～）</t>
  </si>
  <si>
    <t>コーヒー・紅茶</t>
  </si>
  <si>
    <t>IC</t>
  </si>
  <si>
    <t>スタンダードIC</t>
  </si>
  <si>
    <t>瓶</t>
  </si>
  <si>
    <t>袋</t>
  </si>
  <si>
    <t>スペシャリティIC</t>
  </si>
  <si>
    <t>カフェイン</t>
  </si>
  <si>
    <t>機能性</t>
  </si>
  <si>
    <t>プレミアムIC</t>
  </si>
  <si>
    <t>RC</t>
  </si>
  <si>
    <t>1杯用RC</t>
  </si>
  <si>
    <t>~１２Ｐ</t>
  </si>
  <si>
    <t>システム</t>
  </si>
  <si>
    <t>１３Ｐ~</t>
  </si>
  <si>
    <t>RC豆</t>
  </si>
  <si>
    <t>豆</t>
  </si>
  <si>
    <t>スタンダードＲＣ</t>
  </si>
  <si>
    <t>~２００ｇ</t>
  </si>
  <si>
    <t>２０１~３００ｇ</t>
  </si>
  <si>
    <t>３０１ｇ~</t>
  </si>
  <si>
    <t>プレミアムRC</t>
  </si>
  <si>
    <t>ＶＰ（真空パック）</t>
  </si>
  <si>
    <t>クリーマー</t>
  </si>
  <si>
    <t>クリーミングパウダー</t>
  </si>
  <si>
    <t>~３００ｇ</t>
  </si>
  <si>
    <t>液体クリーマー</t>
  </si>
  <si>
    <t>~３９Ｐ</t>
  </si>
  <si>
    <t>４０Ｐ~</t>
  </si>
  <si>
    <t>ココア</t>
  </si>
  <si>
    <t>純ココア</t>
  </si>
  <si>
    <t>調整ココア</t>
  </si>
  <si>
    <t>コーヒー関連品</t>
  </si>
  <si>
    <t>スティックコーヒー</t>
  </si>
  <si>
    <t>カップコーヒー</t>
  </si>
  <si>
    <t>スティック</t>
  </si>
  <si>
    <t>~１４Ｐ</t>
  </si>
  <si>
    <t>１５Ｐ~</t>
  </si>
  <si>
    <t>ブラックスティック</t>
  </si>
  <si>
    <t>ポーション</t>
  </si>
  <si>
    <t>デザート</t>
  </si>
  <si>
    <t>紅茶</t>
  </si>
  <si>
    <t>ティーバッグ</t>
  </si>
  <si>
    <t>ティーミックス</t>
  </si>
  <si>
    <t>リーフティー</t>
  </si>
  <si>
    <t>飲用</t>
  </si>
  <si>
    <t>ガムシロップ</t>
  </si>
  <si>
    <t>~１２ｇ</t>
  </si>
  <si>
    <t>スティックシュガー</t>
  </si>
  <si>
    <t>５ｇ以上３１本以上</t>
  </si>
  <si>
    <t>５ｇ未満３０本以下</t>
  </si>
  <si>
    <t>５ｇ未満３１本以上</t>
  </si>
  <si>
    <t>角砂糖</t>
  </si>
  <si>
    <t>~５００ｇ</t>
  </si>
  <si>
    <t>ジャム・蜂蜜</t>
  </si>
  <si>
    <t>はちみつ</t>
  </si>
  <si>
    <t>はちみつその他</t>
  </si>
  <si>
    <t>みつ・シロップ</t>
  </si>
  <si>
    <t>加工はちみつ他</t>
  </si>
  <si>
    <t>水あめ</t>
  </si>
  <si>
    <t>飲用はちみつ</t>
  </si>
  <si>
    <t>中国産はちみつ</t>
  </si>
  <si>
    <t>中容量（200~399g）</t>
  </si>
  <si>
    <t>大容量（400g~）</t>
  </si>
  <si>
    <t>小容量（~199g）</t>
  </si>
  <si>
    <t>非中国産はちみつ</t>
  </si>
  <si>
    <t>ジャム</t>
  </si>
  <si>
    <t>カロリーオフ</t>
  </si>
  <si>
    <t>砂糖不使用</t>
  </si>
  <si>
    <t>中容量（２００~３９９ｇ）</t>
  </si>
  <si>
    <t>大容量（４００ｇ~）</t>
  </si>
  <si>
    <t>小容量（~１９９ｇ）</t>
  </si>
  <si>
    <t>紙カップ</t>
  </si>
  <si>
    <t>スプレッド</t>
  </si>
  <si>
    <t>チューブ</t>
  </si>
  <si>
    <t>プラカップ</t>
  </si>
  <si>
    <t>チョコ</t>
  </si>
  <si>
    <t>ピーナッツ</t>
  </si>
  <si>
    <t>惣菜系</t>
  </si>
  <si>
    <t>フルーツ缶</t>
  </si>
  <si>
    <t>パウチ</t>
  </si>
  <si>
    <t>国内製造</t>
  </si>
  <si>
    <t>みかん</t>
  </si>
  <si>
    <t>みつ豆杏仁</t>
  </si>
  <si>
    <t>パイン</t>
  </si>
  <si>
    <t>ミックス</t>
  </si>
  <si>
    <t>白桃</t>
  </si>
  <si>
    <t>黄桃</t>
  </si>
  <si>
    <t>輸入</t>
  </si>
  <si>
    <t>中容量</t>
  </si>
  <si>
    <t>大容量缶</t>
  </si>
  <si>
    <t>国産</t>
  </si>
  <si>
    <t>小容量缶</t>
  </si>
  <si>
    <t>茶</t>
  </si>
  <si>
    <t>インスタント・粉末</t>
  </si>
  <si>
    <t>ほうじ茶</t>
  </si>
  <si>
    <t>レギュラー（～40g）</t>
  </si>
  <si>
    <t>中国茶</t>
  </si>
  <si>
    <t>健康茶</t>
  </si>
  <si>
    <t>昆布茶</t>
  </si>
  <si>
    <t>缶</t>
  </si>
  <si>
    <t>玄米茶</t>
  </si>
  <si>
    <t>緑茶</t>
  </si>
  <si>
    <t>大容量（41g以上）</t>
  </si>
  <si>
    <t>青汁</t>
  </si>
  <si>
    <t>有糖</t>
  </si>
  <si>
    <t>無糖</t>
  </si>
  <si>
    <t>麦茶</t>
  </si>
  <si>
    <t>カップ用（21P以上）</t>
  </si>
  <si>
    <t>カップ用（～20P）</t>
  </si>
  <si>
    <t>ポット用（41P以上）</t>
  </si>
  <si>
    <t>ポット用（～40P）</t>
  </si>
  <si>
    <t>ウーロン茶</t>
  </si>
  <si>
    <t>ジャスミン茶</t>
  </si>
  <si>
    <t>ごぼう茶</t>
  </si>
  <si>
    <t>そば茶</t>
  </si>
  <si>
    <t>どくだみ茶</t>
  </si>
  <si>
    <t>はと麦茶</t>
  </si>
  <si>
    <t>プレンド健康茶</t>
  </si>
  <si>
    <t>ルイボスティー</t>
  </si>
  <si>
    <t>杜仲茶</t>
  </si>
  <si>
    <t>黒豆茶</t>
  </si>
  <si>
    <t>41Ｐ以上（丸麦）</t>
  </si>
  <si>
    <t>41Ｐ以上（粉砕麦）</t>
  </si>
  <si>
    <t>～40Ｐ（丸麦）</t>
  </si>
  <si>
    <t>～40Ｐ（粉砕麦）</t>
  </si>
  <si>
    <t>リーフ</t>
  </si>
  <si>
    <t>小容量（～99g）</t>
  </si>
  <si>
    <t>中容量（100g～300g）</t>
  </si>
  <si>
    <t>大容量（301g以上）</t>
  </si>
  <si>
    <t>製菓材・デザート</t>
  </si>
  <si>
    <t>デザート即席</t>
  </si>
  <si>
    <t>しょうが湯・くず湯・あめ湯</t>
  </si>
  <si>
    <t>その他デザート即席</t>
  </si>
  <si>
    <t>フルーチェ系</t>
  </si>
  <si>
    <t>プリン・ゼリー・シャーベット</t>
  </si>
  <si>
    <t>ゼリー・シャーベット・アイス</t>
  </si>
  <si>
    <t>プリン・杏仁豆腐・ババロア</t>
  </si>
  <si>
    <t>小豆デザート</t>
  </si>
  <si>
    <t>おしるこ・ぜんざい</t>
  </si>
  <si>
    <t>甘酒</t>
  </si>
  <si>
    <t>プレミックス粉・粉類</t>
  </si>
  <si>
    <t>ホットケーキ</t>
  </si>
  <si>
    <t>大容量（500g~）</t>
  </si>
  <si>
    <t>小中容量（~499g）</t>
  </si>
  <si>
    <t>機能性・健康</t>
  </si>
  <si>
    <t>小麦粉・粉類</t>
  </si>
  <si>
    <t>練乳・シロップ・ソース・あん</t>
  </si>
  <si>
    <t>かき氷</t>
  </si>
  <si>
    <t>シロップ・ソース・あん</t>
  </si>
  <si>
    <t>チョコ・キャラメル</t>
  </si>
  <si>
    <t>フルーツソース・あん</t>
  </si>
  <si>
    <t>メープル・蜜</t>
  </si>
  <si>
    <t>練乳・ホイップ</t>
  </si>
  <si>
    <t>製菓材料</t>
  </si>
  <si>
    <t>シュガー・パウダー・アラザン</t>
  </si>
  <si>
    <t>アラザン</t>
  </si>
  <si>
    <t>シュガー</t>
  </si>
  <si>
    <t>パウダー</t>
  </si>
  <si>
    <t>スキムミルク</t>
  </si>
  <si>
    <t>スポンジ・タルト・セット品</t>
  </si>
  <si>
    <t>スポンジケーキ・タルト</t>
  </si>
  <si>
    <t>デコペン・プレート</t>
  </si>
  <si>
    <t>割チョコ・スプレー・チップ</t>
  </si>
  <si>
    <t>ナッツ・フルーツ・ゼリー・クランチ</t>
  </si>
  <si>
    <t>クランチ・メレンゲ</t>
  </si>
  <si>
    <t>ゼリー</t>
  </si>
  <si>
    <t>ドライフルーツ</t>
  </si>
  <si>
    <t>ナッツ</t>
  </si>
  <si>
    <t>ロウソク・非食品</t>
  </si>
  <si>
    <t>膨まし粉・凝固剤・食用油</t>
  </si>
  <si>
    <t>ゼラチン・寒天</t>
  </si>
  <si>
    <t>タンサン・イースト・ショートニング</t>
  </si>
  <si>
    <t>色素・香料</t>
  </si>
  <si>
    <t>色素</t>
  </si>
  <si>
    <t>香り付け・酒</t>
  </si>
  <si>
    <t>ケチャップ</t>
  </si>
  <si>
    <t>健康</t>
  </si>
  <si>
    <t>安心安全</t>
  </si>
  <si>
    <t>お弁当</t>
  </si>
  <si>
    <t>小容量</t>
  </si>
  <si>
    <t>低価格</t>
  </si>
  <si>
    <t>トマト加工品</t>
  </si>
  <si>
    <t>トマトソース</t>
  </si>
  <si>
    <t>トッピング</t>
  </si>
  <si>
    <t>簡便</t>
  </si>
  <si>
    <t>素材製品</t>
  </si>
  <si>
    <t>ピューレペースト</t>
  </si>
  <si>
    <t>ホールトマトカットトマト</t>
  </si>
  <si>
    <t>ソース</t>
  </si>
  <si>
    <t>お好み・焼きそば</t>
  </si>
  <si>
    <t>お好み</t>
  </si>
  <si>
    <t>中容量(~500g)</t>
  </si>
  <si>
    <t>大容量(501g~)</t>
  </si>
  <si>
    <t>小容量(~300g)</t>
  </si>
  <si>
    <t>たこ焼</t>
  </si>
  <si>
    <t>焼きそば</t>
  </si>
  <si>
    <t>ソースその他</t>
  </si>
  <si>
    <t>ソースミックス</t>
  </si>
  <si>
    <t>デミグラス</t>
  </si>
  <si>
    <t>ハンバーグ</t>
  </si>
  <si>
    <t>ホワイト</t>
  </si>
  <si>
    <t>とんかつ</t>
  </si>
  <si>
    <t>弁当用</t>
  </si>
  <si>
    <t>ウスター</t>
  </si>
  <si>
    <t>中濃</t>
  </si>
  <si>
    <t>業務用</t>
  </si>
  <si>
    <t>(業)お好み・焼そば・たこ焼</t>
  </si>
  <si>
    <t>(業)レギュラー</t>
  </si>
  <si>
    <t>ドレッシング</t>
  </si>
  <si>
    <t>中容量（251～400ml）</t>
  </si>
  <si>
    <t>ノンオイル</t>
  </si>
  <si>
    <t>和風その他</t>
  </si>
  <si>
    <t>青じそ</t>
  </si>
  <si>
    <t>イタリアン</t>
  </si>
  <si>
    <t>シーザー</t>
  </si>
  <si>
    <t>中華その他</t>
  </si>
  <si>
    <t>洋風その他</t>
  </si>
  <si>
    <t>低オイル</t>
  </si>
  <si>
    <t>使い切り（～100ml）</t>
  </si>
  <si>
    <t>大容量（401ml～）</t>
  </si>
  <si>
    <t>小容量（101～250ml）</t>
  </si>
  <si>
    <t>健康オイル</t>
  </si>
  <si>
    <t>うずらの卵</t>
  </si>
  <si>
    <t>クルトン</t>
  </si>
  <si>
    <t>フライドオニオン</t>
  </si>
  <si>
    <t>農産素材</t>
  </si>
  <si>
    <t>マヨネーズ</t>
  </si>
  <si>
    <t>タルタルソース</t>
  </si>
  <si>
    <t>中容量（151～300g）</t>
  </si>
  <si>
    <t>使い切り（～50g）</t>
  </si>
  <si>
    <t>小容量（51～150g）</t>
  </si>
  <si>
    <t>マスタード</t>
  </si>
  <si>
    <t>中容量（101～200g）</t>
  </si>
  <si>
    <t>小容量（51～100g）</t>
  </si>
  <si>
    <t>中容量（251～500g）</t>
  </si>
  <si>
    <t>健康訴求ー健康ｵｲﾙ</t>
  </si>
  <si>
    <t>健康訴求ーｱﾚﾙｹﾞﾝﾌﾘｰ</t>
  </si>
  <si>
    <t>健康訴求ーｶﾛﾘｰｵﾌ</t>
  </si>
  <si>
    <t>健康訴求ーｺﾚｽﾃﾛｰﾙ</t>
  </si>
  <si>
    <t>大容量（501g～）</t>
  </si>
  <si>
    <t>小容量（51～250g）</t>
  </si>
  <si>
    <t>健康訴求ーその他</t>
  </si>
  <si>
    <t>ごま油</t>
  </si>
  <si>
    <t>中容量（101g~200g）</t>
  </si>
  <si>
    <t>濃口</t>
  </si>
  <si>
    <t>調合</t>
  </si>
  <si>
    <t>大容量（201g～600g）</t>
  </si>
  <si>
    <t>純白</t>
  </si>
  <si>
    <t>小容量（~100g）</t>
  </si>
  <si>
    <t>特大容量（601g～</t>
  </si>
  <si>
    <t>オリーブオイル</t>
  </si>
  <si>
    <t>中容量（251g~500g）</t>
  </si>
  <si>
    <t>ピュア</t>
  </si>
  <si>
    <t>大容量（501g～750g）</t>
  </si>
  <si>
    <t>小容量（～250g）</t>
  </si>
  <si>
    <t>特大容量（751g～）</t>
  </si>
  <si>
    <t>クッキングオイル</t>
  </si>
  <si>
    <t>中容量（501g～899g）</t>
  </si>
  <si>
    <t>こめ油</t>
  </si>
  <si>
    <t>健康系（特保など）</t>
  </si>
  <si>
    <t>汎用油</t>
  </si>
  <si>
    <t>紅花油</t>
  </si>
  <si>
    <t>大容量（900g~1000g）</t>
  </si>
  <si>
    <t>小容量（~500g）</t>
  </si>
  <si>
    <t>グレープシード</t>
  </si>
  <si>
    <t>専用調理油（ラードなど）</t>
  </si>
  <si>
    <t>特大容量（1001g～</t>
  </si>
  <si>
    <t>生食用</t>
  </si>
  <si>
    <t>MCTオイル</t>
  </si>
  <si>
    <t>中容量（100g~200g）</t>
  </si>
  <si>
    <t>大容量（200g～）</t>
  </si>
  <si>
    <t>小分け</t>
  </si>
  <si>
    <t>えごま油・紫蘇油</t>
  </si>
  <si>
    <t>アマニ油</t>
  </si>
  <si>
    <t>ココナッツオイル</t>
  </si>
  <si>
    <t>海産乾物</t>
  </si>
  <si>
    <t>いりこ</t>
  </si>
  <si>
    <t>いりこその他</t>
  </si>
  <si>
    <t>あみ・干し・桜えび</t>
  </si>
  <si>
    <t>ちりめん・田作り・その他</t>
  </si>
  <si>
    <t>だしいりこ</t>
  </si>
  <si>
    <t>だしいりこ大容量レギュラー(180g～499g)</t>
  </si>
  <si>
    <t>だしいりこ小容量レギュラー(～179g)</t>
  </si>
  <si>
    <t>だしいりこ減塩・無添加</t>
  </si>
  <si>
    <t>粉末いりこ・削り</t>
  </si>
  <si>
    <t>飛魚・その他</t>
  </si>
  <si>
    <t>食べるいりこ</t>
  </si>
  <si>
    <t>食べるいりこレギュラー</t>
  </si>
  <si>
    <t>食べるいりこ減塩・無添加</t>
  </si>
  <si>
    <t>かつお</t>
  </si>
  <si>
    <t>削り節</t>
  </si>
  <si>
    <t>厚削り</t>
  </si>
  <si>
    <t>混合削り・雑節</t>
  </si>
  <si>
    <t>粉末かつお・糸削り・その他</t>
  </si>
  <si>
    <t>花かつお・薄削り大容量(50ｇ～99g)</t>
  </si>
  <si>
    <t>花かつお・薄削り小容量（~49ｇ）</t>
  </si>
  <si>
    <t>花かつお・薄削り業務用(100ｇ～)</t>
  </si>
  <si>
    <t>小分けパック</t>
  </si>
  <si>
    <t>中容量(7P～14P)</t>
  </si>
  <si>
    <t>大容量(15P～29P)</t>
  </si>
  <si>
    <t>小容量(～6P)</t>
  </si>
  <si>
    <t>セット</t>
  </si>
  <si>
    <t>塩干</t>
  </si>
  <si>
    <t>芽ひじき</t>
  </si>
  <si>
    <t>国産芽ひじき</t>
  </si>
  <si>
    <t>海外産芽ひじき</t>
  </si>
  <si>
    <t>長ひじき</t>
  </si>
  <si>
    <t>国産長ひじき</t>
  </si>
  <si>
    <t>海外産長ひじき</t>
  </si>
  <si>
    <t>わかめ</t>
  </si>
  <si>
    <t>わかめその他</t>
  </si>
  <si>
    <t>あらめ・めかぶ・あかもく・ふのり・その他</t>
  </si>
  <si>
    <t>乾燥・塩蔵わかめ</t>
  </si>
  <si>
    <t>国産わかめ大容量（40g～）</t>
  </si>
  <si>
    <t>国産わかめ小容量（～39g）</t>
  </si>
  <si>
    <t>海外産わかめ大容量（40g～）</t>
  </si>
  <si>
    <t>海外産わかめ小容量（～39g）</t>
  </si>
  <si>
    <t>海藻ミックス</t>
  </si>
  <si>
    <t>味噌汁の具・海鮮汁の具・その他具材</t>
  </si>
  <si>
    <t>海藻サラダ・クラゲ</t>
  </si>
  <si>
    <t>昆布</t>
  </si>
  <si>
    <t>その他昆布</t>
  </si>
  <si>
    <t>きざみ・すき・細切り・漬物昆布・松前・切イカ・するめ</t>
  </si>
  <si>
    <t>昆布巻・結び昆布・おでん昆布・佃煮・角切</t>
  </si>
  <si>
    <t>根昆布・その他</t>
  </si>
  <si>
    <t>正月・祝い・飾り昆布</t>
  </si>
  <si>
    <t>粉末昆布・削り・ふりかけ</t>
  </si>
  <si>
    <t>食べる昆布</t>
  </si>
  <si>
    <t>だし昆布・煮昆布</t>
  </si>
  <si>
    <t>カットだし用昆布</t>
  </si>
  <si>
    <t>早煮・野菜・棹前昆布・煮物用</t>
  </si>
  <si>
    <t>銘柄昆布(その他産地)</t>
  </si>
  <si>
    <t>銘柄昆布(利尻)</t>
  </si>
  <si>
    <t>銘柄昆布(日高)</t>
  </si>
  <si>
    <t>銘柄昆布(真昆布)</t>
  </si>
  <si>
    <t>銘柄昆布(羅臼)</t>
  </si>
  <si>
    <t>とろろ昆布</t>
  </si>
  <si>
    <t>おぼろ・がごめ・根昆布入り・納豆・その他</t>
  </si>
  <si>
    <t>とろろ昆布レギュラー大容量（40g～）</t>
  </si>
  <si>
    <t>とろろ昆布レギュラー小容量（～39g）</t>
  </si>
  <si>
    <t>塩昆布</t>
  </si>
  <si>
    <t>塩昆布大容量(50g～)</t>
  </si>
  <si>
    <t>塩昆布小容量(～49g)</t>
  </si>
  <si>
    <t>おかず用</t>
  </si>
  <si>
    <t>卓上</t>
  </si>
  <si>
    <t>束</t>
  </si>
  <si>
    <t>おにぎり・寿司用</t>
  </si>
  <si>
    <t>おにぎり味(3切)</t>
  </si>
  <si>
    <t>21枚～</t>
  </si>
  <si>
    <t>～20枚</t>
  </si>
  <si>
    <t>おにぎり焼(3切)</t>
  </si>
  <si>
    <t>手巻き(2切)</t>
  </si>
  <si>
    <t>手巻き(3切以上)</t>
  </si>
  <si>
    <t>トッピングその他</t>
  </si>
  <si>
    <t>サラ・もみ・きざみ</t>
  </si>
  <si>
    <t>干し・磯・岩・ばら・はば海苔など</t>
  </si>
  <si>
    <t>青のり・あおさ・青粉</t>
  </si>
  <si>
    <t>全型海苔</t>
  </si>
  <si>
    <t>味全型レギュラー</t>
  </si>
  <si>
    <t>焼全型こだわり</t>
  </si>
  <si>
    <t>焼全型レギュラー</t>
  </si>
  <si>
    <t>海外産</t>
  </si>
  <si>
    <t>韓国海苔</t>
  </si>
  <si>
    <t>ジャバンのり</t>
  </si>
  <si>
    <t>韓国束・卓上・その他</t>
  </si>
  <si>
    <t>韓国袋・パック</t>
  </si>
  <si>
    <t>粉類</t>
  </si>
  <si>
    <t>お好焼類</t>
  </si>
  <si>
    <t>お好焼粉</t>
  </si>
  <si>
    <t>３０１ｇ～９９９ｇ</t>
  </si>
  <si>
    <t>～３００ｇ</t>
  </si>
  <si>
    <t>お好焼関連品</t>
  </si>
  <si>
    <t>たこ焼粉</t>
  </si>
  <si>
    <t>もんじゃ焼粉</t>
  </si>
  <si>
    <t>チヂミ粉</t>
  </si>
  <si>
    <t>から揚げ粉</t>
  </si>
  <si>
    <t>まぶし</t>
  </si>
  <si>
    <t>ノンフライ</t>
  </si>
  <si>
    <t>水溶き</t>
  </si>
  <si>
    <t>パン粉</t>
  </si>
  <si>
    <t>乾燥パン粉</t>
  </si>
  <si>
    <t>３００ｇ～</t>
  </si>
  <si>
    <t>～２９９ｇ</t>
  </si>
  <si>
    <t>生パン粉</t>
  </si>
  <si>
    <t>天ぷら粉</t>
  </si>
  <si>
    <t>４０１ｇ～</t>
  </si>
  <si>
    <t>～４００ｇ</t>
  </si>
  <si>
    <t>専用ミックス</t>
  </si>
  <si>
    <t>マッシュポテト</t>
  </si>
  <si>
    <t>小麦粉</t>
  </si>
  <si>
    <t>中力粉</t>
  </si>
  <si>
    <t>７５１ｇ～</t>
  </si>
  <si>
    <t>～７５０ｇ</t>
  </si>
  <si>
    <t>強力粉</t>
  </si>
  <si>
    <t>薄力粉</t>
  </si>
  <si>
    <t>雑穀・パン関連品</t>
  </si>
  <si>
    <t>パン用資材</t>
  </si>
  <si>
    <t>米粉等</t>
  </si>
  <si>
    <t>あんこ</t>
  </si>
  <si>
    <t>こしあん</t>
  </si>
  <si>
    <t>500ｇ以下　国産</t>
  </si>
  <si>
    <t>501ｇ以上　国産</t>
  </si>
  <si>
    <t>501ｇ以上　国産以外</t>
  </si>
  <si>
    <t>その他あんこ</t>
  </si>
  <si>
    <t>つぶあん</t>
  </si>
  <si>
    <t>ゆであずき</t>
  </si>
  <si>
    <t>250ｇ以下　国産</t>
  </si>
  <si>
    <t>250ｇ以下　国産以外</t>
  </si>
  <si>
    <t>251ｇ以上　国産</t>
  </si>
  <si>
    <t>251ｇ以上　国産以外</t>
  </si>
  <si>
    <t>地場</t>
  </si>
  <si>
    <t>いりごま</t>
  </si>
  <si>
    <t>有機</t>
  </si>
  <si>
    <t>白</t>
  </si>
  <si>
    <t>金</t>
  </si>
  <si>
    <t>黒</t>
  </si>
  <si>
    <t>すりごま</t>
  </si>
  <si>
    <t>つきごま</t>
  </si>
  <si>
    <t>むきごま</t>
  </si>
  <si>
    <t>味付きごま</t>
  </si>
  <si>
    <t>ねりごま</t>
  </si>
  <si>
    <t>しいたけ</t>
  </si>
  <si>
    <t>きくらげ</t>
  </si>
  <si>
    <t>きくらげ　中国産</t>
  </si>
  <si>
    <t>きくらげ　国産</t>
  </si>
  <si>
    <t>どんこ・肉厚　中国産</t>
  </si>
  <si>
    <t>どんこ・肉厚　国産</t>
  </si>
  <si>
    <t>スライス　中国産</t>
  </si>
  <si>
    <t>スライス　国産</t>
  </si>
  <si>
    <t>香信　中国産</t>
  </si>
  <si>
    <t>香信　国産</t>
  </si>
  <si>
    <t>乾燥野菜</t>
  </si>
  <si>
    <t>かんぴょう</t>
  </si>
  <si>
    <t>その他乾燥野菜</t>
  </si>
  <si>
    <t>にんにく・わけぎ</t>
  </si>
  <si>
    <t>大豆肉</t>
  </si>
  <si>
    <t>おかずの素</t>
  </si>
  <si>
    <t>野菜のみ</t>
  </si>
  <si>
    <t>干し大根</t>
  </si>
  <si>
    <t>和粉</t>
  </si>
  <si>
    <t>おからパウダー</t>
  </si>
  <si>
    <t>きなこ</t>
  </si>
  <si>
    <t>国産以外</t>
  </si>
  <si>
    <t>コーンスターチ</t>
  </si>
  <si>
    <t>大豆粉</t>
  </si>
  <si>
    <t>米粉</t>
  </si>
  <si>
    <t>だんご粉</t>
  </si>
  <si>
    <t>もち粉・だんご粉</t>
  </si>
  <si>
    <t>上新粉</t>
  </si>
  <si>
    <t>白玉粉</t>
  </si>
  <si>
    <t>片栗粉</t>
  </si>
  <si>
    <t>チャック付き</t>
  </si>
  <si>
    <t>寒天</t>
  </si>
  <si>
    <t>棒寒天</t>
  </si>
  <si>
    <t>1本</t>
  </si>
  <si>
    <t>粉寒天</t>
  </si>
  <si>
    <t>分包以外</t>
  </si>
  <si>
    <t>糸寒天</t>
  </si>
  <si>
    <t>50ｇ以下</t>
  </si>
  <si>
    <t>51ｇ以上</t>
  </si>
  <si>
    <t>春雨</t>
  </si>
  <si>
    <t>くずきり</t>
  </si>
  <si>
    <t>カットタイプ</t>
  </si>
  <si>
    <t>カット以外</t>
  </si>
  <si>
    <t>ビーフン</t>
  </si>
  <si>
    <t>チャプチェ</t>
  </si>
  <si>
    <t>マロニー</t>
  </si>
  <si>
    <t>太麺</t>
  </si>
  <si>
    <t>細麺</t>
  </si>
  <si>
    <t>緑豆</t>
  </si>
  <si>
    <t>緑豆以外</t>
  </si>
  <si>
    <t>小豆</t>
  </si>
  <si>
    <t>金時</t>
  </si>
  <si>
    <t>黒豆</t>
  </si>
  <si>
    <t>高野豆腐</t>
  </si>
  <si>
    <t>徳用サイズ</t>
  </si>
  <si>
    <t>だし付き</t>
  </si>
  <si>
    <t>だし無</t>
  </si>
  <si>
    <t>粉豆腐</t>
  </si>
  <si>
    <t>通常サイズ</t>
  </si>
  <si>
    <t>減塩タイプ</t>
  </si>
  <si>
    <t>麩</t>
  </si>
  <si>
    <t>あぶら麩</t>
  </si>
  <si>
    <t>仙台麩</t>
  </si>
  <si>
    <t>焼き麩</t>
  </si>
  <si>
    <t>おつゆ麩・こまち麩</t>
  </si>
  <si>
    <t>こまき麩</t>
  </si>
  <si>
    <t>その他焼き麩</t>
  </si>
  <si>
    <t>庄内麩</t>
  </si>
  <si>
    <t>白玉麩</t>
  </si>
  <si>
    <t>花麩・星麩</t>
  </si>
  <si>
    <t>車麩</t>
  </si>
  <si>
    <t>風味調味料</t>
  </si>
  <si>
    <t>うどんスープ・おでん</t>
  </si>
  <si>
    <t>うどんスープ</t>
  </si>
  <si>
    <t>中容量41～80ｇ</t>
  </si>
  <si>
    <t>大容量81g～</t>
  </si>
  <si>
    <t>小容量～40ｇ</t>
  </si>
  <si>
    <t>おでんの素</t>
  </si>
  <si>
    <t>その他麺スープ</t>
  </si>
  <si>
    <t>そばスープ</t>
  </si>
  <si>
    <t>だしの素</t>
  </si>
  <si>
    <t>あごだし</t>
  </si>
  <si>
    <t>小容量～100ｇ</t>
  </si>
  <si>
    <t>あわせ</t>
  </si>
  <si>
    <t>中容量101～300ｇ</t>
  </si>
  <si>
    <t>大容量301g～</t>
  </si>
  <si>
    <t>だしパック</t>
  </si>
  <si>
    <t>小容量～10袋</t>
  </si>
  <si>
    <t>中容量11～20袋</t>
  </si>
  <si>
    <t>大容量21袋～</t>
  </si>
  <si>
    <t>コンソメ</t>
  </si>
  <si>
    <t>中容量41～100ｇ固形</t>
  </si>
  <si>
    <t>中容量41～100ｇ粉体</t>
  </si>
  <si>
    <t>大容量101g～固形</t>
  </si>
  <si>
    <t>大容量101g～粉体</t>
  </si>
  <si>
    <t>小容量～40ｇ固形</t>
  </si>
  <si>
    <t>小容量～40ｇ粉体</t>
  </si>
  <si>
    <t>ブイヨン</t>
  </si>
  <si>
    <t>カレールウ</t>
  </si>
  <si>
    <t>フレーク</t>
  </si>
  <si>
    <t>大箱（6皿～）</t>
  </si>
  <si>
    <t>小箱（～5皿）</t>
  </si>
  <si>
    <t>ルウ</t>
  </si>
  <si>
    <t>健康・機能</t>
  </si>
  <si>
    <t>大箱中価格</t>
  </si>
  <si>
    <t>大箱低価格</t>
  </si>
  <si>
    <t>大箱高価格</t>
  </si>
  <si>
    <t>小箱中価格</t>
  </si>
  <si>
    <t>小箱高価格</t>
  </si>
  <si>
    <t>カレー関連</t>
  </si>
  <si>
    <t>カレーパウダー</t>
  </si>
  <si>
    <t>カレー調理</t>
  </si>
  <si>
    <t>具材用</t>
  </si>
  <si>
    <t>玉ねぎ</t>
  </si>
  <si>
    <t>辛味</t>
  </si>
  <si>
    <t>サイドメニュー関連</t>
  </si>
  <si>
    <t>シチュー</t>
  </si>
  <si>
    <t>大箱中高価格</t>
  </si>
  <si>
    <t>小箱中高価格</t>
  </si>
  <si>
    <t>小箱低価格</t>
  </si>
  <si>
    <t>チャウダー</t>
  </si>
  <si>
    <t>ビーフ</t>
  </si>
  <si>
    <t>ハヤシ</t>
  </si>
  <si>
    <t>ハッシュドビーフ</t>
  </si>
  <si>
    <t>カレー（一食）</t>
  </si>
  <si>
    <t>ご当地</t>
  </si>
  <si>
    <t>一食用</t>
  </si>
  <si>
    <t>キャラクター・コンテンツ</t>
  </si>
  <si>
    <t>スタンダード中高価格</t>
  </si>
  <si>
    <t>中辛</t>
  </si>
  <si>
    <t>大辛・激辛</t>
  </si>
  <si>
    <t>欧風甘口</t>
  </si>
  <si>
    <t>甘口</t>
  </si>
  <si>
    <t>スタンダード低価格</t>
  </si>
  <si>
    <t>キーマ</t>
  </si>
  <si>
    <t>欧風中辛</t>
  </si>
  <si>
    <t>欧風大辛・激辛</t>
  </si>
  <si>
    <t>欧風辛口</t>
  </si>
  <si>
    <t>具材</t>
  </si>
  <si>
    <t>肉</t>
  </si>
  <si>
    <t>野菜</t>
  </si>
  <si>
    <t>カレー（複数）</t>
  </si>
  <si>
    <t>複数パック</t>
  </si>
  <si>
    <t>中華（調味料）</t>
  </si>
  <si>
    <t>中華即席</t>
  </si>
  <si>
    <t>中華簡便</t>
  </si>
  <si>
    <t>かに玉・玉子料理</t>
  </si>
  <si>
    <t>八宝菜</t>
  </si>
  <si>
    <t>回鍋肉</t>
  </si>
  <si>
    <t>干焼蝦仁</t>
  </si>
  <si>
    <t>棒々鶏</t>
  </si>
  <si>
    <t>酢豚</t>
  </si>
  <si>
    <t>青椒肉絲</t>
  </si>
  <si>
    <t>麻婆茄子</t>
  </si>
  <si>
    <t>春雨ビーフン</t>
  </si>
  <si>
    <t>炒めごはん・炒飯</t>
  </si>
  <si>
    <t>炒めごはん</t>
  </si>
  <si>
    <t>炒飯</t>
  </si>
  <si>
    <t>麻婆豆腐</t>
  </si>
  <si>
    <t>ひき肉なし</t>
  </si>
  <si>
    <t>ひき肉入り</t>
  </si>
  <si>
    <t>中華調味料</t>
  </si>
  <si>
    <t>中華材料</t>
  </si>
  <si>
    <t>オイスターソース</t>
  </si>
  <si>
    <t>中華だしペースト</t>
  </si>
  <si>
    <t>中華だし顆粒</t>
  </si>
  <si>
    <t>中華調味料　チューブ</t>
  </si>
  <si>
    <t>中華調味料　業務用</t>
  </si>
  <si>
    <t>中華調味料　瓶</t>
  </si>
  <si>
    <t>韓国エスニック即席</t>
  </si>
  <si>
    <t>韓国エスニック調味料</t>
  </si>
  <si>
    <t>韓国エスニック材料</t>
  </si>
  <si>
    <t>簡単調理</t>
  </si>
  <si>
    <t>ご飯の素</t>
  </si>
  <si>
    <t>寿司の素・寿司関連</t>
  </si>
  <si>
    <t>寿司の素・寿司関連その他</t>
  </si>
  <si>
    <t>混ぜご飯の素</t>
  </si>
  <si>
    <t>和風</t>
  </si>
  <si>
    <t>洋風</t>
  </si>
  <si>
    <t>炊き込みご飯の素</t>
  </si>
  <si>
    <t>エスニック即席</t>
  </si>
  <si>
    <t>エスニック調味料</t>
  </si>
  <si>
    <t>エスニック食材</t>
  </si>
  <si>
    <t>惣菜の素</t>
  </si>
  <si>
    <t>レンジ商材</t>
  </si>
  <si>
    <t>惣菜の素その他</t>
  </si>
  <si>
    <t>香辛料</t>
  </si>
  <si>
    <t>コショー・ガーリック・辣油</t>
  </si>
  <si>
    <t>ガーリック</t>
  </si>
  <si>
    <t>コショー</t>
  </si>
  <si>
    <t>辣油</t>
  </si>
  <si>
    <t>辣油（唐辛子入り）</t>
  </si>
  <si>
    <t>シーズニング</t>
  </si>
  <si>
    <t>メニュー専用</t>
  </si>
  <si>
    <t>精肉用</t>
  </si>
  <si>
    <t>青果用</t>
  </si>
  <si>
    <t>ペースト</t>
  </si>
  <si>
    <t>からし</t>
  </si>
  <si>
    <t>中価格</t>
  </si>
  <si>
    <t>高価格</t>
  </si>
  <si>
    <t>ゆずこしょう</t>
  </si>
  <si>
    <t>その他（ﾁｭｰﾌﾞ他）</t>
  </si>
  <si>
    <t>わさび</t>
  </si>
  <si>
    <t>和からし</t>
  </si>
  <si>
    <t>くちなしの実</t>
  </si>
  <si>
    <t>一味瓶</t>
  </si>
  <si>
    <t>一味袋</t>
  </si>
  <si>
    <t>七味瓶</t>
  </si>
  <si>
    <t>七味袋</t>
  </si>
  <si>
    <t>鷹の爪</t>
  </si>
  <si>
    <t>山椒</t>
  </si>
  <si>
    <t>粉わさび・粉からし・粉生姜</t>
  </si>
  <si>
    <t>粉からし</t>
  </si>
  <si>
    <t>粉わさび</t>
  </si>
  <si>
    <t>塩こしょう</t>
  </si>
  <si>
    <t>あらびき</t>
  </si>
  <si>
    <t>洋風瓶中高価格</t>
  </si>
  <si>
    <t>オレガノ</t>
  </si>
  <si>
    <t>オールスパイス</t>
  </si>
  <si>
    <t>カルダモン</t>
  </si>
  <si>
    <t>ガラムマサラ</t>
  </si>
  <si>
    <t>クミン</t>
  </si>
  <si>
    <t>クローブ</t>
  </si>
  <si>
    <t>コリアンダー</t>
  </si>
  <si>
    <t>サフラン</t>
  </si>
  <si>
    <t>シナモン</t>
  </si>
  <si>
    <t>シナモンシュガー</t>
  </si>
  <si>
    <t>タイム</t>
  </si>
  <si>
    <t>ターメリック</t>
  </si>
  <si>
    <t>チリパウダー</t>
  </si>
  <si>
    <t>ナツメグ</t>
  </si>
  <si>
    <t>バジル</t>
  </si>
  <si>
    <t>パセリ</t>
  </si>
  <si>
    <t>パプリカ</t>
  </si>
  <si>
    <t>ブラックペパー</t>
  </si>
  <si>
    <t>ホワイトペパー</t>
  </si>
  <si>
    <t>レッドペパー</t>
  </si>
  <si>
    <t>ローズマリー</t>
  </si>
  <si>
    <t>ローリエ</t>
  </si>
  <si>
    <t>花椒</t>
  </si>
  <si>
    <t>洋風瓶低価格</t>
  </si>
  <si>
    <t>洋風缶</t>
  </si>
  <si>
    <t>洋風袋</t>
  </si>
  <si>
    <t>カップ麺</t>
  </si>
  <si>
    <t>たて型</t>
  </si>
  <si>
    <t>ワンタン</t>
  </si>
  <si>
    <t>たて型ビッグ</t>
  </si>
  <si>
    <t>どんぶり型</t>
  </si>
  <si>
    <t>焼そば・焼うどん</t>
  </si>
  <si>
    <t>ミニカップ</t>
  </si>
  <si>
    <t>和風ミニカップ</t>
  </si>
  <si>
    <t>和風レギュラー</t>
  </si>
  <si>
    <t>和風大盛</t>
  </si>
  <si>
    <t>大盛</t>
  </si>
  <si>
    <t>生めんタイプ</t>
  </si>
  <si>
    <t>パスタ</t>
  </si>
  <si>
    <t>味付け</t>
  </si>
  <si>
    <t>タバスコ</t>
  </si>
  <si>
    <t>バジルソース</t>
  </si>
  <si>
    <t>粉チーズ</t>
  </si>
  <si>
    <t>パスタソース</t>
  </si>
  <si>
    <t>要調理</t>
  </si>
  <si>
    <t>かける</t>
  </si>
  <si>
    <t>レンジ対応</t>
  </si>
  <si>
    <t>和える</t>
  </si>
  <si>
    <t>パスタ麺</t>
  </si>
  <si>
    <t>サラダ向け</t>
  </si>
  <si>
    <t>レギュラーブランド</t>
  </si>
  <si>
    <t>ソース向け</t>
  </si>
  <si>
    <t>プレミアムブランド</t>
  </si>
  <si>
    <t>派生品</t>
  </si>
  <si>
    <t>グラタン</t>
  </si>
  <si>
    <t>ドリア</t>
  </si>
  <si>
    <t>ラザニア</t>
  </si>
  <si>
    <t>リゾット</t>
  </si>
  <si>
    <t>スペイン料理</t>
  </si>
  <si>
    <t>アヒージョ</t>
  </si>
  <si>
    <t>パエリア</t>
  </si>
  <si>
    <t>乾麺・半生麺・棒麺</t>
  </si>
  <si>
    <t>全国商品</t>
  </si>
  <si>
    <t>手延べ</t>
  </si>
  <si>
    <t>機械麺</t>
  </si>
  <si>
    <t>高機能商材</t>
  </si>
  <si>
    <t>揖保</t>
  </si>
  <si>
    <t>信州</t>
  </si>
  <si>
    <t>茶そば</t>
  </si>
  <si>
    <t>ひやむぎ</t>
  </si>
  <si>
    <t>半生麺</t>
  </si>
  <si>
    <t>1食カップ</t>
  </si>
  <si>
    <t>鍋焼</t>
  </si>
  <si>
    <t>1食タイプ</t>
  </si>
  <si>
    <t>ボリュームパック袋麺</t>
  </si>
  <si>
    <t>棒麺</t>
  </si>
  <si>
    <t>中華麺</t>
  </si>
  <si>
    <t>(鍋)煮込み麺</t>
  </si>
  <si>
    <t>（冷）スープ付き</t>
  </si>
  <si>
    <t>（温）スープ付き</t>
  </si>
  <si>
    <t>（温）スープ無し</t>
  </si>
  <si>
    <t>皿うどん</t>
  </si>
  <si>
    <t>NB</t>
  </si>
  <si>
    <t>袋麺</t>
  </si>
  <si>
    <t>うまかっちゃん</t>
  </si>
  <si>
    <t>サッポロ一番</t>
  </si>
  <si>
    <t>ズバーン</t>
  </si>
  <si>
    <t>チキンラーメン</t>
  </si>
  <si>
    <t>チャルメラ</t>
  </si>
  <si>
    <t>マルちゃん正麺</t>
  </si>
  <si>
    <t>辛ラーメン</t>
  </si>
  <si>
    <t>トレーワンタン</t>
  </si>
  <si>
    <t>プルダック</t>
  </si>
  <si>
    <t>日清焼そば</t>
  </si>
  <si>
    <t>2食</t>
  </si>
  <si>
    <t>3食</t>
  </si>
  <si>
    <t>お椀で食べる</t>
  </si>
  <si>
    <t>ラ王</t>
  </si>
  <si>
    <t>4食</t>
  </si>
  <si>
    <t>5食</t>
  </si>
  <si>
    <t>袋PBスナオシ</t>
  </si>
  <si>
    <t>冷し中華</t>
  </si>
  <si>
    <t>1000ml以下</t>
  </si>
  <si>
    <t>1000ー1500ml</t>
  </si>
  <si>
    <t>1500ml以上</t>
  </si>
  <si>
    <t>料理酒_糖質オフ</t>
  </si>
  <si>
    <t>10km以上</t>
  </si>
  <si>
    <t>2人以上世帯</t>
  </si>
  <si>
    <t>1人世帯</t>
  </si>
  <si>
    <t>分析基準</t>
  </si>
  <si>
    <t>SMART商品分類</t>
  </si>
  <si>
    <t>しょうゆ・みりん・料理酒</t>
  </si>
  <si>
    <t>農産乾物・漬物の素</t>
  </si>
  <si>
    <t>お好み焼き</t>
  </si>
  <si>
    <t>素材缶詰</t>
  </si>
  <si>
    <t>即席ごはん</t>
  </si>
  <si>
    <t>即席麺</t>
  </si>
  <si>
    <t>常備調味料</t>
  </si>
  <si>
    <t>料理基本素材</t>
  </si>
  <si>
    <t>料理基本調味料</t>
  </si>
  <si>
    <t>料理スキルALL</t>
  </si>
  <si>
    <t>料理スキルH</t>
  </si>
  <si>
    <t>料理スキルL</t>
  </si>
  <si>
    <t>料理スキルM</t>
  </si>
  <si>
    <t>-</t>
  </si>
  <si>
    <t>ふりかけ・茶漬け・瓶詰</t>
  </si>
  <si>
    <t>来店距離</t>
  </si>
  <si>
    <t>ライフステージ</t>
  </si>
  <si>
    <t>合計 / 売上数量</t>
  </si>
  <si>
    <t>合計 / 売上税抜金額(円)</t>
  </si>
  <si>
    <t>合計 / POS客数</t>
  </si>
  <si>
    <t>合計 / ID客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Meiryo UI"/>
      <family val="2"/>
      <charset val="128"/>
    </font>
    <font>
      <sz val="6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元データ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yazaki,YuTKZRGjsma</dc:creator>
  <cp:lastModifiedBy>Miyazaki,YuTKZRGjsma</cp:lastModifiedBy>
  <dcterms:created xsi:type="dcterms:W3CDTF">2025-11-03T03:40:23Z</dcterms:created>
  <dcterms:modified xsi:type="dcterms:W3CDTF">2025-11-03T06:25:42Z</dcterms:modified>
</cp:coreProperties>
</file>